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2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tafffiles.win.canberra.edu.au\Homes$\s445829\My Documents\Self Assement Report Attachments\"/>
    </mc:Choice>
  </mc:AlternateContent>
  <xr:revisionPtr revIDLastSave="0" documentId="8_{FC3E885F-9BF9-4C4E-88EB-39CC8028F80C}" xr6:coauthVersionLast="47" xr6:coauthVersionMax="47" xr10:uidLastSave="{00000000-0000-0000-0000-000000000000}"/>
  <bookViews>
    <workbookView xWindow="-120" yWindow="-120" windowWidth="29040" windowHeight="15990" firstSheet="1" activeTab="1" xr2:uid="{00000000-000D-0000-FFFF-FFFF00000000}"/>
  </bookViews>
  <sheets>
    <sheet name="Cover Sheet" sheetId="1" r:id="rId1"/>
    <sheet name="Unit Availability" sheetId="2" r:id="rId2"/>
  </sheets>
  <calcPr calcId="191028" calcMode="manual" calcOnSave="0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46" uniqueCount="129">
  <si>
    <t>Unit Availability</t>
  </si>
  <si>
    <t>Report Information and Settings</t>
  </si>
  <si>
    <t>Filename:</t>
  </si>
  <si>
    <t>Academic Year:</t>
  </si>
  <si>
    <t>2022</t>
  </si>
  <si>
    <t>Teaching Period:</t>
  </si>
  <si>
    <t>SEM-1;SEM-2</t>
  </si>
  <si>
    <t>Unit Offered Indicator:</t>
  </si>
  <si>
    <t>Y</t>
  </si>
  <si>
    <t>Unit Code:</t>
  </si>
  <si>
    <t>No filter applied</t>
  </si>
  <si>
    <t>Unit Faculty Description:</t>
  </si>
  <si>
    <t>Faculty of Arts and Design</t>
  </si>
  <si>
    <t>Unit Discipline Code:</t>
  </si>
  <si>
    <t>Unit Discipline Description:</t>
  </si>
  <si>
    <t>Report Last Updated:</t>
  </si>
  <si>
    <t>16 June 2023 1:29:35 PM GMT+10:00</t>
  </si>
  <si>
    <t>Run by:</t>
  </si>
  <si>
    <t>s435356</t>
  </si>
  <si>
    <t>Intended Format:</t>
  </si>
  <si>
    <t>Excel</t>
  </si>
  <si>
    <t>Report Purpose</t>
  </si>
  <si>
    <t xml:space="preserve">Provide details of active units for nominated academic year and faculty.   User can also nominate specific teaching periods and disciplines.  </t>
  </si>
  <si>
    <t>Intended Audience</t>
  </si>
  <si>
    <t>All Faculty and Student Administration</t>
  </si>
  <si>
    <t>Report Status:</t>
  </si>
  <si>
    <t>Published</t>
  </si>
  <si>
    <t>Prepared by Planning and Analytics Unit using data sourced from the Enterprise Data Warehouse</t>
  </si>
  <si>
    <t>CONFIDENTIAL:  Storage, use and security of this information must be in accordance with the Commonwealth Privacy Act 1988.</t>
  </si>
  <si>
    <t>FCY-AAD</t>
  </si>
  <si>
    <t>School of Arts and Communications</t>
  </si>
  <si>
    <t>Unit  Discipline Description</t>
  </si>
  <si>
    <t>PQ Faculty Code</t>
  </si>
  <si>
    <t>Owner Organisation Unit Code</t>
  </si>
  <si>
    <t>Academic Year</t>
  </si>
  <si>
    <t>Calendar Type</t>
  </si>
  <si>
    <t>Unit Code</t>
  </si>
  <si>
    <t>Unit Description</t>
  </si>
  <si>
    <t>Version Number</t>
  </si>
  <si>
    <t>Offered Indicator</t>
  </si>
  <si>
    <t>Self Enrolment Indicator</t>
  </si>
  <si>
    <t>Unit Level</t>
  </si>
  <si>
    <t>Unit Status</t>
  </si>
  <si>
    <t>Unit Convenor.Given Names</t>
  </si>
  <si>
    <t>Unit Convenor.Surname</t>
  </si>
  <si>
    <t>Location Code</t>
  </si>
  <si>
    <t>Unit Class</t>
  </si>
  <si>
    <t>UOO ID</t>
  </si>
  <si>
    <t>Enrolled Credit Points</t>
  </si>
  <si>
    <t>SEM-1</t>
  </si>
  <si>
    <t>10333</t>
  </si>
  <si>
    <t>Professional Orientation (Arts)</t>
  </si>
  <si>
    <t>3</t>
  </si>
  <si>
    <t>1</t>
  </si>
  <si>
    <t>ACTIVE</t>
  </si>
  <si>
    <t>Ian</t>
  </si>
  <si>
    <t>McHugh</t>
  </si>
  <si>
    <t>BRUCE</t>
  </si>
  <si>
    <t>ON-CAMPUS</t>
  </si>
  <si>
    <t>10335</t>
  </si>
  <si>
    <t>Professional Orientation (Communication and Media)</t>
  </si>
  <si>
    <t>Sharangi</t>
  </si>
  <si>
    <t>Ranasinghe</t>
  </si>
  <si>
    <t>11018</t>
  </si>
  <si>
    <t>Professional Practice 2: Work Integrated Learning</t>
  </si>
  <si>
    <t>Chris</t>
  </si>
  <si>
    <t>Worfold</t>
  </si>
  <si>
    <t>TQB-MG</t>
  </si>
  <si>
    <t>TQB-SB</t>
  </si>
  <si>
    <t>11575</t>
  </si>
  <si>
    <t>Professional Practice Internship</t>
  </si>
  <si>
    <t>N</t>
  </si>
  <si>
    <t>FLEXIBLE</t>
  </si>
  <si>
    <t>11591</t>
  </si>
  <si>
    <t>Professional Orientation (Creative Industries and Digital Design)</t>
  </si>
  <si>
    <t>Michelle</t>
  </si>
  <si>
    <t>Carter</t>
  </si>
  <si>
    <t>11832</t>
  </si>
  <si>
    <t>Professional Practice (Internships B)</t>
  </si>
  <si>
    <t>11833</t>
  </si>
  <si>
    <t>Professional Practice (Industry and Creative Projects)</t>
  </si>
  <si>
    <t>SEM-2</t>
  </si>
  <si>
    <t>11017</t>
  </si>
  <si>
    <t>Professional Practice 1: Work Integrated Learning</t>
  </si>
  <si>
    <t>2</t>
  </si>
  <si>
    <t>11592</t>
  </si>
  <si>
    <t>Professional Evidence (Creative Industries and Digital Design)</t>
  </si>
  <si>
    <t>11829</t>
  </si>
  <si>
    <t>Professional Practice (Internships A)</t>
  </si>
  <si>
    <t>11830</t>
  </si>
  <si>
    <t>Professional Practice (Specialist Skills)</t>
  </si>
  <si>
    <t>School of Design and the Built Environment</t>
  </si>
  <si>
    <t>10334</t>
  </si>
  <si>
    <t>Professional Orientation (Built Environment)</t>
  </si>
  <si>
    <t>Hitomi</t>
  </si>
  <si>
    <t>Nakanishi</t>
  </si>
  <si>
    <t>10336</t>
  </si>
  <si>
    <t>Professional Orientation (Design)</t>
  </si>
  <si>
    <t>Mikaela</t>
  </si>
  <si>
    <t>Danvers</t>
  </si>
  <si>
    <t>11671</t>
  </si>
  <si>
    <t>Professional Practice Thesis 1 (6CP)</t>
  </si>
  <si>
    <t>4</t>
  </si>
  <si>
    <t>Charles</t>
  </si>
  <si>
    <t>Lemckert</t>
  </si>
  <si>
    <t>11834</t>
  </si>
  <si>
    <t>Professional Practice (Advanced Industry Studios)</t>
  </si>
  <si>
    <t>Lyndall</t>
  </si>
  <si>
    <t>Norton</t>
  </si>
  <si>
    <t>11019</t>
  </si>
  <si>
    <t>Professional Evidence (Built Environment)</t>
  </si>
  <si>
    <t>Michael</t>
  </si>
  <si>
    <t>Jasper</t>
  </si>
  <si>
    <t>11045</t>
  </si>
  <si>
    <t>Professional Evidence (Design)</t>
  </si>
  <si>
    <t>Junxiao</t>
  </si>
  <si>
    <t>Liu</t>
  </si>
  <si>
    <t>11673</t>
  </si>
  <si>
    <t>Professional Practice Thesis 2 (6CP)</t>
  </si>
  <si>
    <t>Hamed</t>
  </si>
  <si>
    <t>Golzad</t>
  </si>
  <si>
    <t>11831</t>
  </si>
  <si>
    <t>Professional Practice (Industry Studios)</t>
  </si>
  <si>
    <t>John</t>
  </si>
  <si>
    <t>Ting</t>
  </si>
  <si>
    <t>8416</t>
  </si>
  <si>
    <t>Design and Architecture Professional Placement PG</t>
  </si>
  <si>
    <t>5</t>
  </si>
  <si>
    <t>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0"/>
      <color rgb="FF000000"/>
      <name val="Arial"/>
    </font>
    <font>
      <sz val="8"/>
      <color rgb="FF333333"/>
      <name val="Arial"/>
    </font>
    <font>
      <b/>
      <sz val="8"/>
      <color rgb="FFFFFFFF"/>
      <name val="Arial"/>
    </font>
    <font>
      <sz val="9"/>
      <color rgb="FF000000"/>
      <name val="Arial"/>
    </font>
    <font>
      <sz val="9"/>
      <color rgb="FF333333"/>
      <name val="Arial"/>
    </font>
    <font>
      <sz val="8"/>
      <color rgb="FF000000"/>
      <name val="Arial"/>
    </font>
    <font>
      <b/>
      <sz val="9"/>
      <color rgb="FFFFFFFF"/>
      <name val="Arial"/>
    </font>
    <font>
      <b/>
      <sz val="12"/>
      <color rgb="FF000000"/>
      <name val="Arial"/>
    </font>
  </fonts>
  <fills count="6">
    <fill>
      <patternFill patternType="none"/>
    </fill>
    <fill>
      <patternFill patternType="gray125"/>
    </fill>
    <fill>
      <patternFill patternType="solid">
        <fgColor rgb="FFFFFFFF"/>
        <bgColor rgb="FFFFFFFF"/>
      </patternFill>
    </fill>
    <fill>
      <patternFill patternType="solid">
        <fgColor rgb="FF0B64A0"/>
        <bgColor rgb="FFFFFFFF"/>
      </patternFill>
    </fill>
    <fill>
      <patternFill patternType="solid">
        <fgColor rgb="FF5175B9"/>
        <bgColor rgb="FFFFFFFF"/>
      </patternFill>
    </fill>
    <fill>
      <patternFill patternType="solid">
        <fgColor rgb="FFF0F0F4"/>
        <bgColor rgb="FFFFFFFF"/>
      </patternFill>
    </fill>
  </fills>
  <borders count="5">
    <border>
      <left/>
      <right/>
      <top/>
      <bottom/>
      <diagonal/>
    </border>
    <border>
      <left style="thin">
        <color rgb="FF3877A6"/>
      </left>
      <right style="thin">
        <color rgb="FF3877A6"/>
      </right>
      <top style="thin">
        <color rgb="FF3877A6"/>
      </top>
      <bottom style="thin">
        <color rgb="FFA5A5B1"/>
      </bottom>
      <diagonal/>
    </border>
    <border>
      <left style="thin">
        <color rgb="FFCAC9D9"/>
      </left>
      <right style="thin">
        <color rgb="FFCAC9D9"/>
      </right>
      <top style="thin">
        <color rgb="FFCAC9D9"/>
      </top>
      <bottom style="thin">
        <color rgb="FFCAC9D9"/>
      </bottom>
      <diagonal/>
    </border>
    <border>
      <left style="thin">
        <color rgb="FFEBEBEB"/>
      </left>
      <right style="thin">
        <color rgb="FFEBEBEB"/>
      </right>
      <top style="thin">
        <color rgb="FFEBEBEB"/>
      </top>
      <bottom style="thin">
        <color rgb="FFEBEBEB"/>
      </bottom>
      <diagonal/>
    </border>
    <border>
      <left style="thin">
        <color rgb="FFCACAD9"/>
      </left>
      <right style="thin">
        <color rgb="FFCACAD9"/>
      </right>
      <top style="thin">
        <color rgb="FFCACAD9"/>
      </top>
      <bottom style="thin">
        <color rgb="FFCACAD9"/>
      </bottom>
      <diagonal/>
    </border>
  </borders>
  <cellStyleXfs count="1">
    <xf numFmtId="0" fontId="0" fillId="0" borderId="0"/>
  </cellStyleXfs>
  <cellXfs count="27">
    <xf numFmtId="0" fontId="0" fillId="0" borderId="0" xfId="0"/>
    <xf numFmtId="0" fontId="1" fillId="2" borderId="0" xfId="0" applyFont="1" applyFill="1" applyAlignment="1">
      <alignment horizontal="left"/>
    </xf>
    <xf numFmtId="49" fontId="3" fillId="2" borderId="2" xfId="0" applyNumberFormat="1" applyFont="1" applyFill="1" applyBorder="1" applyAlignment="1">
      <alignment horizontal="right" vertical="top"/>
    </xf>
    <xf numFmtId="49" fontId="3" fillId="2" borderId="2" xfId="0" applyNumberFormat="1" applyFont="1" applyFill="1" applyBorder="1" applyAlignment="1">
      <alignment horizontal="left" vertical="top" wrapText="1"/>
    </xf>
    <xf numFmtId="49" fontId="3" fillId="2" borderId="3" xfId="0" applyNumberFormat="1" applyFont="1" applyFill="1" applyBorder="1" applyAlignment="1">
      <alignment horizontal="right" vertical="top"/>
    </xf>
    <xf numFmtId="49" fontId="3" fillId="2" borderId="3" xfId="0" applyNumberFormat="1" applyFont="1" applyFill="1" applyBorder="1" applyAlignment="1">
      <alignment horizontal="left" vertical="top" wrapText="1"/>
    </xf>
    <xf numFmtId="49" fontId="4" fillId="2" borderId="3" xfId="0" applyNumberFormat="1" applyFont="1" applyFill="1" applyBorder="1" applyAlignment="1">
      <alignment horizontal="left" vertical="top" wrapText="1"/>
    </xf>
    <xf numFmtId="49" fontId="1" fillId="2" borderId="2" xfId="0" applyNumberFormat="1" applyFont="1" applyFill="1" applyBorder="1" applyAlignment="1">
      <alignment horizontal="left" vertical="top"/>
    </xf>
    <xf numFmtId="49" fontId="3" fillId="2" borderId="3" xfId="0" applyNumberFormat="1" applyFont="1" applyFill="1" applyBorder="1" applyAlignment="1">
      <alignment horizontal="left" vertical="top"/>
    </xf>
    <xf numFmtId="0" fontId="5" fillId="2" borderId="0" xfId="0" applyFont="1" applyFill="1" applyAlignment="1">
      <alignment horizontal="left"/>
    </xf>
    <xf numFmtId="49" fontId="6" fillId="4" borderId="4" xfId="0" applyNumberFormat="1" applyFont="1" applyFill="1" applyBorder="1" applyAlignment="1">
      <alignment horizontal="left" wrapText="1"/>
    </xf>
    <xf numFmtId="0" fontId="6" fillId="4" borderId="4" xfId="0" applyFont="1" applyFill="1" applyBorder="1" applyAlignment="1">
      <alignment horizontal="left" wrapText="1"/>
    </xf>
    <xf numFmtId="49" fontId="3" fillId="5" borderId="2" xfId="0" applyNumberFormat="1" applyFont="1" applyFill="1" applyBorder="1" applyAlignment="1">
      <alignment horizontal="left"/>
    </xf>
    <xf numFmtId="49" fontId="3" fillId="5" borderId="2" xfId="0" applyNumberFormat="1" applyFont="1" applyFill="1" applyBorder="1" applyAlignment="1">
      <alignment horizontal="right"/>
    </xf>
    <xf numFmtId="1" fontId="3" fillId="5" borderId="2" xfId="0" applyNumberFormat="1" applyFont="1" applyFill="1" applyBorder="1" applyAlignment="1">
      <alignment horizontal="left"/>
    </xf>
    <xf numFmtId="0" fontId="3" fillId="5" borderId="2" xfId="0" applyFont="1" applyFill="1" applyBorder="1" applyAlignment="1">
      <alignment horizontal="left"/>
    </xf>
    <xf numFmtId="49" fontId="3" fillId="2" borderId="2" xfId="0" applyNumberFormat="1" applyFont="1" applyFill="1" applyBorder="1" applyAlignment="1">
      <alignment horizontal="left"/>
    </xf>
    <xf numFmtId="49" fontId="3" fillId="2" borderId="2" xfId="0" applyNumberFormat="1" applyFont="1" applyFill="1" applyBorder="1" applyAlignment="1">
      <alignment horizontal="right"/>
    </xf>
    <xf numFmtId="1" fontId="3" fillId="2" borderId="2" xfId="0" applyNumberFormat="1" applyFont="1" applyFill="1" applyBorder="1" applyAlignment="1">
      <alignment horizontal="left"/>
    </xf>
    <xf numFmtId="0" fontId="3" fillId="2" borderId="2" xfId="0" applyFont="1" applyFill="1" applyBorder="1" applyAlignment="1">
      <alignment horizontal="left"/>
    </xf>
    <xf numFmtId="49" fontId="2" fillId="3" borderId="1" xfId="0" applyNumberFormat="1" applyFont="1" applyFill="1" applyBorder="1" applyAlignment="1">
      <alignment horizontal="left"/>
    </xf>
    <xf numFmtId="49" fontId="3" fillId="2" borderId="2" xfId="0" applyNumberFormat="1" applyFont="1" applyFill="1" applyBorder="1" applyAlignment="1">
      <alignment horizontal="left" vertical="top" wrapText="1"/>
    </xf>
    <xf numFmtId="49" fontId="3" fillId="2" borderId="3" xfId="0" applyNumberFormat="1" applyFont="1" applyFill="1" applyBorder="1" applyAlignment="1">
      <alignment horizontal="left" vertical="top" wrapText="1"/>
    </xf>
    <xf numFmtId="49" fontId="7" fillId="2" borderId="0" xfId="0" applyNumberFormat="1" applyFont="1" applyFill="1" applyAlignment="1">
      <alignment horizontal="left"/>
    </xf>
    <xf numFmtId="49" fontId="6" fillId="4" borderId="4" xfId="0" applyNumberFormat="1" applyFont="1" applyFill="1" applyBorder="1" applyAlignment="1">
      <alignment horizontal="left" wrapText="1"/>
    </xf>
    <xf numFmtId="49" fontId="3" fillId="2" borderId="2" xfId="0" applyNumberFormat="1" applyFont="1" applyFill="1" applyBorder="1" applyAlignment="1">
      <alignment horizontal="left" vertical="center"/>
    </xf>
    <xf numFmtId="49" fontId="3" fillId="5" borderId="2" xfId="0" applyNumberFormat="1" applyFont="1" applyFill="1" applyBorder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C22"/>
  <sheetViews>
    <sheetView workbookViewId="0"/>
  </sheetViews>
  <sheetFormatPr defaultRowHeight="12.75" x14ac:dyDescent="0.2"/>
  <cols>
    <col min="1" max="1" width="6.28515625" customWidth="1"/>
    <col min="2" max="2" width="26.28515625" customWidth="1"/>
    <col min="3" max="3" width="71.85546875" customWidth="1"/>
    <col min="4" max="4" width="4.7109375" customWidth="1"/>
  </cols>
  <sheetData>
    <row r="1" spans="2:3" s="1" customFormat="1" ht="7.9" customHeight="1" x14ac:dyDescent="0.2"/>
    <row r="2" spans="2:3" s="1" customFormat="1" ht="22.9" customHeight="1" x14ac:dyDescent="0.2">
      <c r="B2" s="20" t="s">
        <v>0</v>
      </c>
      <c r="C2" s="20"/>
    </row>
    <row r="3" spans="2:3" s="1" customFormat="1" ht="22.9" customHeight="1" x14ac:dyDescent="0.2">
      <c r="B3" s="20" t="s">
        <v>1</v>
      </c>
      <c r="C3" s="20"/>
    </row>
    <row r="4" spans="2:3" s="1" customFormat="1" ht="18.2" customHeight="1" x14ac:dyDescent="0.2">
      <c r="B4" s="2" t="s">
        <v>2</v>
      </c>
      <c r="C4" s="3" t="s">
        <v>0</v>
      </c>
    </row>
    <row r="5" spans="2:3" s="1" customFormat="1" ht="18.2" customHeight="1" x14ac:dyDescent="0.2">
      <c r="B5" s="2" t="s">
        <v>3</v>
      </c>
      <c r="C5" s="3" t="s">
        <v>4</v>
      </c>
    </row>
    <row r="6" spans="2:3" s="1" customFormat="1" ht="18.2" customHeight="1" x14ac:dyDescent="0.2">
      <c r="B6" s="2" t="s">
        <v>5</v>
      </c>
      <c r="C6" s="3" t="s">
        <v>6</v>
      </c>
    </row>
    <row r="7" spans="2:3" s="1" customFormat="1" ht="18.2" customHeight="1" x14ac:dyDescent="0.2">
      <c r="B7" s="2" t="s">
        <v>7</v>
      </c>
      <c r="C7" s="3" t="s">
        <v>8</v>
      </c>
    </row>
    <row r="8" spans="2:3" s="1" customFormat="1" ht="18.2" customHeight="1" x14ac:dyDescent="0.2">
      <c r="B8" s="2" t="s">
        <v>9</v>
      </c>
      <c r="C8" s="3" t="s">
        <v>10</v>
      </c>
    </row>
    <row r="9" spans="2:3" s="1" customFormat="1" ht="18.2" customHeight="1" x14ac:dyDescent="0.2">
      <c r="B9" s="2" t="s">
        <v>11</v>
      </c>
      <c r="C9" s="3" t="s">
        <v>12</v>
      </c>
    </row>
    <row r="10" spans="2:3" s="1" customFormat="1" ht="18.2" customHeight="1" x14ac:dyDescent="0.2">
      <c r="B10" s="4" t="s">
        <v>13</v>
      </c>
      <c r="C10" s="5" t="s">
        <v>10</v>
      </c>
    </row>
    <row r="11" spans="2:3" s="1" customFormat="1" ht="18.2" customHeight="1" x14ac:dyDescent="0.2">
      <c r="B11" s="4" t="s">
        <v>14</v>
      </c>
      <c r="C11" s="5" t="s">
        <v>10</v>
      </c>
    </row>
    <row r="12" spans="2:3" s="1" customFormat="1" ht="18.2" customHeight="1" x14ac:dyDescent="0.2">
      <c r="B12" s="4" t="s">
        <v>15</v>
      </c>
      <c r="C12" s="6" t="s">
        <v>16</v>
      </c>
    </row>
    <row r="13" spans="2:3" s="1" customFormat="1" ht="18.2" customHeight="1" x14ac:dyDescent="0.2">
      <c r="B13" s="2" t="s">
        <v>17</v>
      </c>
      <c r="C13" s="7" t="s">
        <v>18</v>
      </c>
    </row>
    <row r="14" spans="2:3" s="1" customFormat="1" ht="18.2" customHeight="1" x14ac:dyDescent="0.2">
      <c r="B14" s="4" t="s">
        <v>19</v>
      </c>
      <c r="C14" s="8" t="s">
        <v>20</v>
      </c>
    </row>
    <row r="15" spans="2:3" s="1" customFormat="1" ht="18.2" customHeight="1" x14ac:dyDescent="0.2">
      <c r="B15" s="20" t="s">
        <v>21</v>
      </c>
      <c r="C15" s="20"/>
    </row>
    <row r="16" spans="2:3" s="1" customFormat="1" ht="28.9" customHeight="1" x14ac:dyDescent="0.2">
      <c r="B16" s="21" t="s">
        <v>22</v>
      </c>
      <c r="C16" s="21"/>
    </row>
    <row r="17" spans="2:3" s="1" customFormat="1" ht="18.2" customHeight="1" x14ac:dyDescent="0.2">
      <c r="B17" s="20" t="s">
        <v>23</v>
      </c>
      <c r="C17" s="20"/>
    </row>
    <row r="18" spans="2:3" s="1" customFormat="1" ht="18.2" customHeight="1" x14ac:dyDescent="0.2">
      <c r="B18" s="21" t="s">
        <v>24</v>
      </c>
      <c r="C18" s="21"/>
    </row>
    <row r="19" spans="2:3" s="1" customFormat="1" ht="18.2" customHeight="1" x14ac:dyDescent="0.2">
      <c r="B19" s="4" t="s">
        <v>25</v>
      </c>
      <c r="C19" s="5" t="s">
        <v>26</v>
      </c>
    </row>
    <row r="20" spans="2:3" s="1" customFormat="1" ht="18.2" customHeight="1" x14ac:dyDescent="0.2">
      <c r="B20" s="21" t="s">
        <v>27</v>
      </c>
      <c r="C20" s="21"/>
    </row>
    <row r="21" spans="2:3" s="1" customFormat="1" ht="28.9" customHeight="1" x14ac:dyDescent="0.2">
      <c r="B21" s="22" t="s">
        <v>28</v>
      </c>
      <c r="C21" s="22"/>
    </row>
    <row r="22" spans="2:3" s="1" customFormat="1" ht="28.9" customHeight="1" x14ac:dyDescent="0.2"/>
  </sheetData>
  <mergeCells count="8">
    <mergeCell ref="B2:C2"/>
    <mergeCell ref="B20:C20"/>
    <mergeCell ref="B21:C21"/>
    <mergeCell ref="B3:C3"/>
    <mergeCell ref="B15:C15"/>
    <mergeCell ref="B16:C16"/>
    <mergeCell ref="B17:C17"/>
    <mergeCell ref="B18:C18"/>
  </mergeCells>
  <pageMargins left="0.7" right="0.7" top="0.75" bottom="0.75" header="0.3" footer="0.3"/>
  <pageSetup paperSize="9" orientation="portrait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S32"/>
  <sheetViews>
    <sheetView tabSelected="1" workbookViewId="0">
      <selection activeCell="H32" sqref="H32"/>
    </sheetView>
  </sheetViews>
  <sheetFormatPr defaultRowHeight="12.75" x14ac:dyDescent="0.2"/>
  <cols>
    <col min="1" max="1" width="0.7109375" customWidth="1"/>
    <col min="2" max="2" width="29.5703125" customWidth="1"/>
    <col min="3" max="5" width="11.42578125" customWidth="1"/>
    <col min="6" max="7" width="14.7109375" customWidth="1"/>
    <col min="8" max="8" width="34.85546875" customWidth="1"/>
    <col min="9" max="19" width="14.7109375" customWidth="1"/>
    <col min="20" max="20" width="4.7109375" customWidth="1"/>
  </cols>
  <sheetData>
    <row r="1" spans="2:19" s="9" customFormat="1" ht="17.649999999999999" customHeight="1" x14ac:dyDescent="0.2"/>
    <row r="2" spans="2:19" s="9" customFormat="1" ht="18.2" customHeight="1" x14ac:dyDescent="0.25">
      <c r="B2" s="23" t="s">
        <v>29</v>
      </c>
      <c r="C2" s="23"/>
    </row>
    <row r="3" spans="2:19" s="9" customFormat="1" ht="9" customHeight="1" x14ac:dyDescent="0.2"/>
    <row r="4" spans="2:19" s="9" customFormat="1" ht="18.2" customHeight="1" x14ac:dyDescent="0.2">
      <c r="B4" s="24" t="s">
        <v>30</v>
      </c>
      <c r="C4" s="24"/>
      <c r="D4" s="24"/>
      <c r="E4" s="24"/>
      <c r="F4" s="24"/>
      <c r="G4" s="24"/>
      <c r="H4" s="24"/>
      <c r="I4" s="24"/>
      <c r="J4" s="24"/>
      <c r="K4" s="24"/>
      <c r="L4" s="24"/>
      <c r="M4" s="24"/>
      <c r="N4" s="24"/>
      <c r="O4" s="24"/>
      <c r="P4" s="24"/>
      <c r="Q4" s="24"/>
      <c r="R4" s="11"/>
      <c r="S4" s="11"/>
    </row>
    <row r="5" spans="2:19" s="9" customFormat="1" ht="35.1" customHeight="1" x14ac:dyDescent="0.2">
      <c r="B5" s="10" t="s">
        <v>31</v>
      </c>
      <c r="C5" s="10" t="s">
        <v>32</v>
      </c>
      <c r="D5" s="10" t="s">
        <v>33</v>
      </c>
      <c r="E5" s="10" t="s">
        <v>34</v>
      </c>
      <c r="F5" s="10" t="s">
        <v>35</v>
      </c>
      <c r="G5" s="10" t="s">
        <v>36</v>
      </c>
      <c r="H5" s="10" t="s">
        <v>37</v>
      </c>
      <c r="I5" s="10" t="s">
        <v>38</v>
      </c>
      <c r="J5" s="10" t="s">
        <v>39</v>
      </c>
      <c r="K5" s="10" t="s">
        <v>40</v>
      </c>
      <c r="L5" s="10" t="s">
        <v>41</v>
      </c>
      <c r="M5" s="10" t="s">
        <v>42</v>
      </c>
      <c r="N5" s="10" t="s">
        <v>43</v>
      </c>
      <c r="O5" s="10" t="s">
        <v>44</v>
      </c>
      <c r="P5" s="10" t="s">
        <v>45</v>
      </c>
      <c r="Q5" s="10" t="s">
        <v>46</v>
      </c>
      <c r="R5" s="10" t="s">
        <v>47</v>
      </c>
      <c r="S5" s="10" t="s">
        <v>48</v>
      </c>
    </row>
    <row r="6" spans="2:19" s="9" customFormat="1" ht="13.35" customHeight="1" x14ac:dyDescent="0.2">
      <c r="B6" s="26"/>
      <c r="C6" s="12" t="s">
        <v>29</v>
      </c>
      <c r="D6" s="12" t="s">
        <v>29</v>
      </c>
      <c r="E6" s="12" t="s">
        <v>4</v>
      </c>
      <c r="F6" s="12" t="s">
        <v>49</v>
      </c>
      <c r="G6" s="12" t="s">
        <v>50</v>
      </c>
      <c r="H6" s="12" t="s">
        <v>51</v>
      </c>
      <c r="I6" s="13" t="s">
        <v>52</v>
      </c>
      <c r="J6" s="12" t="s">
        <v>8</v>
      </c>
      <c r="K6" s="12" t="s">
        <v>8</v>
      </c>
      <c r="L6" s="12" t="s">
        <v>53</v>
      </c>
      <c r="M6" s="12" t="s">
        <v>54</v>
      </c>
      <c r="N6" s="12" t="s">
        <v>55</v>
      </c>
      <c r="O6" s="12" t="s">
        <v>56</v>
      </c>
      <c r="P6" s="12" t="s">
        <v>57</v>
      </c>
      <c r="Q6" s="12" t="s">
        <v>58</v>
      </c>
      <c r="R6" s="14">
        <v>206672</v>
      </c>
      <c r="S6" s="15">
        <v>3</v>
      </c>
    </row>
    <row r="7" spans="2:19" s="9" customFormat="1" ht="13.35" customHeight="1" x14ac:dyDescent="0.2">
      <c r="B7" s="26"/>
      <c r="C7" s="16" t="s">
        <v>29</v>
      </c>
      <c r="D7" s="16" t="s">
        <v>29</v>
      </c>
      <c r="E7" s="16" t="s">
        <v>4</v>
      </c>
      <c r="F7" s="16" t="s">
        <v>49</v>
      </c>
      <c r="G7" s="16" t="s">
        <v>59</v>
      </c>
      <c r="H7" s="16" t="s">
        <v>60</v>
      </c>
      <c r="I7" s="17" t="s">
        <v>52</v>
      </c>
      <c r="J7" s="16" t="s">
        <v>8</v>
      </c>
      <c r="K7" s="16" t="s">
        <v>8</v>
      </c>
      <c r="L7" s="16" t="s">
        <v>53</v>
      </c>
      <c r="M7" s="16" t="s">
        <v>54</v>
      </c>
      <c r="N7" s="16" t="s">
        <v>61</v>
      </c>
      <c r="O7" s="16" t="s">
        <v>62</v>
      </c>
      <c r="P7" s="16" t="s">
        <v>57</v>
      </c>
      <c r="Q7" s="16" t="s">
        <v>58</v>
      </c>
      <c r="R7" s="18">
        <v>206675</v>
      </c>
      <c r="S7" s="19">
        <v>3</v>
      </c>
    </row>
    <row r="8" spans="2:19" s="9" customFormat="1" ht="13.35" customHeight="1" x14ac:dyDescent="0.2">
      <c r="B8" s="26"/>
      <c r="C8" s="12" t="s">
        <v>29</v>
      </c>
      <c r="D8" s="12" t="s">
        <v>29</v>
      </c>
      <c r="E8" s="12" t="s">
        <v>4</v>
      </c>
      <c r="F8" s="12" t="s">
        <v>49</v>
      </c>
      <c r="G8" s="12" t="s">
        <v>63</v>
      </c>
      <c r="H8" s="12" t="s">
        <v>64</v>
      </c>
      <c r="I8" s="13" t="s">
        <v>53</v>
      </c>
      <c r="J8" s="12" t="s">
        <v>8</v>
      </c>
      <c r="K8" s="12" t="s">
        <v>8</v>
      </c>
      <c r="L8" s="12" t="s">
        <v>52</v>
      </c>
      <c r="M8" s="12" t="s">
        <v>54</v>
      </c>
      <c r="N8" s="12" t="s">
        <v>65</v>
      </c>
      <c r="O8" s="12" t="s">
        <v>66</v>
      </c>
      <c r="P8" s="12" t="s">
        <v>67</v>
      </c>
      <c r="Q8" s="12" t="s">
        <v>58</v>
      </c>
      <c r="R8" s="14">
        <v>206475</v>
      </c>
      <c r="S8" s="15">
        <v>3</v>
      </c>
    </row>
    <row r="9" spans="2:19" s="9" customFormat="1" ht="13.35" customHeight="1" x14ac:dyDescent="0.2">
      <c r="B9" s="26"/>
      <c r="C9" s="16" t="s">
        <v>29</v>
      </c>
      <c r="D9" s="16" t="s">
        <v>29</v>
      </c>
      <c r="E9" s="16" t="s">
        <v>4</v>
      </c>
      <c r="F9" s="16" t="s">
        <v>49</v>
      </c>
      <c r="G9" s="16" t="s">
        <v>63</v>
      </c>
      <c r="H9" s="16" t="s">
        <v>64</v>
      </c>
      <c r="I9" s="17" t="s">
        <v>53</v>
      </c>
      <c r="J9" s="16" t="s">
        <v>8</v>
      </c>
      <c r="K9" s="16" t="s">
        <v>8</v>
      </c>
      <c r="L9" s="16" t="s">
        <v>52</v>
      </c>
      <c r="M9" s="16" t="s">
        <v>54</v>
      </c>
      <c r="N9" s="16" t="s">
        <v>65</v>
      </c>
      <c r="O9" s="16" t="s">
        <v>66</v>
      </c>
      <c r="P9" s="16" t="s">
        <v>68</v>
      </c>
      <c r="Q9" s="16" t="s">
        <v>58</v>
      </c>
      <c r="R9" s="18">
        <v>206476</v>
      </c>
      <c r="S9" s="19">
        <v>3</v>
      </c>
    </row>
    <row r="10" spans="2:19" s="9" customFormat="1" ht="13.35" customHeight="1" x14ac:dyDescent="0.2">
      <c r="B10" s="26"/>
      <c r="C10" s="12" t="s">
        <v>29</v>
      </c>
      <c r="D10" s="12" t="s">
        <v>29</v>
      </c>
      <c r="E10" s="12" t="s">
        <v>4</v>
      </c>
      <c r="F10" s="12" t="s">
        <v>49</v>
      </c>
      <c r="G10" s="12" t="s">
        <v>69</v>
      </c>
      <c r="H10" s="12" t="s">
        <v>70</v>
      </c>
      <c r="I10" s="13" t="s">
        <v>53</v>
      </c>
      <c r="J10" s="12" t="s">
        <v>8</v>
      </c>
      <c r="K10" s="12" t="s">
        <v>71</v>
      </c>
      <c r="L10" s="12" t="s">
        <v>52</v>
      </c>
      <c r="M10" s="12" t="s">
        <v>54</v>
      </c>
      <c r="N10" s="12" t="s">
        <v>55</v>
      </c>
      <c r="O10" s="12" t="s">
        <v>56</v>
      </c>
      <c r="P10" s="12" t="s">
        <v>57</v>
      </c>
      <c r="Q10" s="12" t="s">
        <v>72</v>
      </c>
      <c r="R10" s="14">
        <v>206495</v>
      </c>
      <c r="S10" s="15">
        <v>6</v>
      </c>
    </row>
    <row r="11" spans="2:19" s="9" customFormat="1" ht="13.35" customHeight="1" x14ac:dyDescent="0.2">
      <c r="B11" s="26"/>
      <c r="C11" s="16" t="s">
        <v>29</v>
      </c>
      <c r="D11" s="16" t="s">
        <v>29</v>
      </c>
      <c r="E11" s="16" t="s">
        <v>4</v>
      </c>
      <c r="F11" s="16" t="s">
        <v>49</v>
      </c>
      <c r="G11" s="16" t="s">
        <v>73</v>
      </c>
      <c r="H11" s="16" t="s">
        <v>74</v>
      </c>
      <c r="I11" s="17" t="s">
        <v>53</v>
      </c>
      <c r="J11" s="16" t="s">
        <v>8</v>
      </c>
      <c r="K11" s="16" t="s">
        <v>71</v>
      </c>
      <c r="L11" s="16" t="s">
        <v>53</v>
      </c>
      <c r="M11" s="16" t="s">
        <v>54</v>
      </c>
      <c r="N11" s="16" t="s">
        <v>75</v>
      </c>
      <c r="O11" s="16" t="s">
        <v>76</v>
      </c>
      <c r="P11" s="16" t="s">
        <v>67</v>
      </c>
      <c r="Q11" s="16" t="s">
        <v>58</v>
      </c>
      <c r="R11" s="18">
        <v>206697</v>
      </c>
      <c r="S11" s="19">
        <v>3</v>
      </c>
    </row>
    <row r="12" spans="2:19" s="9" customFormat="1" ht="13.35" customHeight="1" x14ac:dyDescent="0.2">
      <c r="B12" s="26"/>
      <c r="C12" s="12" t="s">
        <v>29</v>
      </c>
      <c r="D12" s="12" t="s">
        <v>29</v>
      </c>
      <c r="E12" s="12" t="s">
        <v>4</v>
      </c>
      <c r="F12" s="12" t="s">
        <v>49</v>
      </c>
      <c r="G12" s="12" t="s">
        <v>73</v>
      </c>
      <c r="H12" s="12" t="s">
        <v>74</v>
      </c>
      <c r="I12" s="13" t="s">
        <v>53</v>
      </c>
      <c r="J12" s="12" t="s">
        <v>8</v>
      </c>
      <c r="K12" s="12" t="s">
        <v>8</v>
      </c>
      <c r="L12" s="12" t="s">
        <v>53</v>
      </c>
      <c r="M12" s="12" t="s">
        <v>54</v>
      </c>
      <c r="N12" s="12" t="s">
        <v>75</v>
      </c>
      <c r="O12" s="12" t="s">
        <v>76</v>
      </c>
      <c r="P12" s="12" t="s">
        <v>68</v>
      </c>
      <c r="Q12" s="12" t="s">
        <v>58</v>
      </c>
      <c r="R12" s="14">
        <v>206698</v>
      </c>
      <c r="S12" s="15">
        <v>3</v>
      </c>
    </row>
    <row r="13" spans="2:19" s="9" customFormat="1" ht="13.35" customHeight="1" x14ac:dyDescent="0.2">
      <c r="B13" s="26"/>
      <c r="C13" s="16" t="s">
        <v>29</v>
      </c>
      <c r="D13" s="16" t="s">
        <v>29</v>
      </c>
      <c r="E13" s="16" t="s">
        <v>4</v>
      </c>
      <c r="F13" s="16" t="s">
        <v>49</v>
      </c>
      <c r="G13" s="16" t="s">
        <v>77</v>
      </c>
      <c r="H13" s="16" t="s">
        <v>78</v>
      </c>
      <c r="I13" s="17" t="s">
        <v>53</v>
      </c>
      <c r="J13" s="16" t="s">
        <v>8</v>
      </c>
      <c r="K13" s="16" t="s">
        <v>71</v>
      </c>
      <c r="L13" s="16" t="s">
        <v>52</v>
      </c>
      <c r="M13" s="16" t="s">
        <v>54</v>
      </c>
      <c r="N13" s="16" t="s">
        <v>55</v>
      </c>
      <c r="O13" s="16" t="s">
        <v>56</v>
      </c>
      <c r="P13" s="16" t="s">
        <v>57</v>
      </c>
      <c r="Q13" s="16" t="s">
        <v>58</v>
      </c>
      <c r="R13" s="18">
        <v>210136</v>
      </c>
      <c r="S13" s="19">
        <v>3</v>
      </c>
    </row>
    <row r="14" spans="2:19" s="9" customFormat="1" ht="13.35" customHeight="1" x14ac:dyDescent="0.2">
      <c r="B14" s="26"/>
      <c r="C14" s="12" t="s">
        <v>29</v>
      </c>
      <c r="D14" s="12" t="s">
        <v>29</v>
      </c>
      <c r="E14" s="12" t="s">
        <v>4</v>
      </c>
      <c r="F14" s="12" t="s">
        <v>49</v>
      </c>
      <c r="G14" s="12" t="s">
        <v>79</v>
      </c>
      <c r="H14" s="12" t="s">
        <v>80</v>
      </c>
      <c r="I14" s="13" t="s">
        <v>53</v>
      </c>
      <c r="J14" s="12" t="s">
        <v>8</v>
      </c>
      <c r="K14" s="12" t="s">
        <v>8</v>
      </c>
      <c r="L14" s="12" t="s">
        <v>52</v>
      </c>
      <c r="M14" s="12" t="s">
        <v>54</v>
      </c>
      <c r="N14" s="12" t="s">
        <v>55</v>
      </c>
      <c r="O14" s="12" t="s">
        <v>56</v>
      </c>
      <c r="P14" s="12" t="s">
        <v>57</v>
      </c>
      <c r="Q14" s="12" t="s">
        <v>58</v>
      </c>
      <c r="R14" s="14">
        <v>210139</v>
      </c>
      <c r="S14" s="15">
        <v>3</v>
      </c>
    </row>
    <row r="15" spans="2:19" s="9" customFormat="1" ht="13.35" customHeight="1" x14ac:dyDescent="0.2">
      <c r="B15" s="26"/>
      <c r="C15" s="12" t="s">
        <v>29</v>
      </c>
      <c r="D15" s="12" t="s">
        <v>29</v>
      </c>
      <c r="E15" s="12" t="s">
        <v>4</v>
      </c>
      <c r="F15" s="12" t="s">
        <v>81</v>
      </c>
      <c r="G15" s="12" t="s">
        <v>82</v>
      </c>
      <c r="H15" s="12" t="s">
        <v>83</v>
      </c>
      <c r="I15" s="13" t="s">
        <v>53</v>
      </c>
      <c r="J15" s="12" t="s">
        <v>8</v>
      </c>
      <c r="K15" s="12" t="s">
        <v>71</v>
      </c>
      <c r="L15" s="12" t="s">
        <v>84</v>
      </c>
      <c r="M15" s="12" t="s">
        <v>54</v>
      </c>
      <c r="N15" s="12" t="s">
        <v>65</v>
      </c>
      <c r="O15" s="12" t="s">
        <v>66</v>
      </c>
      <c r="P15" s="12" t="s">
        <v>67</v>
      </c>
      <c r="Q15" s="12" t="s">
        <v>58</v>
      </c>
      <c r="R15" s="14">
        <v>208678</v>
      </c>
      <c r="S15" s="15">
        <v>3</v>
      </c>
    </row>
    <row r="16" spans="2:19" s="9" customFormat="1" ht="13.35" customHeight="1" x14ac:dyDescent="0.2">
      <c r="B16" s="26"/>
      <c r="C16" s="16" t="s">
        <v>29</v>
      </c>
      <c r="D16" s="16" t="s">
        <v>29</v>
      </c>
      <c r="E16" s="16" t="s">
        <v>4</v>
      </c>
      <c r="F16" s="16" t="s">
        <v>81</v>
      </c>
      <c r="G16" s="16" t="s">
        <v>82</v>
      </c>
      <c r="H16" s="16" t="s">
        <v>83</v>
      </c>
      <c r="I16" s="17" t="s">
        <v>53</v>
      </c>
      <c r="J16" s="16" t="s">
        <v>8</v>
      </c>
      <c r="K16" s="16" t="s">
        <v>8</v>
      </c>
      <c r="L16" s="16" t="s">
        <v>84</v>
      </c>
      <c r="M16" s="16" t="s">
        <v>54</v>
      </c>
      <c r="N16" s="16" t="s">
        <v>65</v>
      </c>
      <c r="O16" s="16" t="s">
        <v>66</v>
      </c>
      <c r="P16" s="16" t="s">
        <v>68</v>
      </c>
      <c r="Q16" s="16" t="s">
        <v>58</v>
      </c>
      <c r="R16" s="18">
        <v>208679</v>
      </c>
      <c r="S16" s="19">
        <v>3</v>
      </c>
    </row>
    <row r="17" spans="2:19" s="9" customFormat="1" ht="13.35" customHeight="1" x14ac:dyDescent="0.2">
      <c r="B17" s="26"/>
      <c r="C17" s="16" t="s">
        <v>29</v>
      </c>
      <c r="D17" s="16" t="s">
        <v>29</v>
      </c>
      <c r="E17" s="16" t="s">
        <v>4</v>
      </c>
      <c r="F17" s="16" t="s">
        <v>81</v>
      </c>
      <c r="G17" s="16" t="s">
        <v>69</v>
      </c>
      <c r="H17" s="16" t="s">
        <v>70</v>
      </c>
      <c r="I17" s="17" t="s">
        <v>53</v>
      </c>
      <c r="J17" s="16" t="s">
        <v>8</v>
      </c>
      <c r="K17" s="16" t="s">
        <v>71</v>
      </c>
      <c r="L17" s="16" t="s">
        <v>52</v>
      </c>
      <c r="M17" s="16" t="s">
        <v>54</v>
      </c>
      <c r="N17" s="16" t="s">
        <v>55</v>
      </c>
      <c r="O17" s="16" t="s">
        <v>56</v>
      </c>
      <c r="P17" s="16" t="s">
        <v>57</v>
      </c>
      <c r="Q17" s="16" t="s">
        <v>72</v>
      </c>
      <c r="R17" s="18">
        <v>208639</v>
      </c>
      <c r="S17" s="19">
        <v>6</v>
      </c>
    </row>
    <row r="18" spans="2:19" s="9" customFormat="1" ht="13.35" customHeight="1" x14ac:dyDescent="0.2">
      <c r="B18" s="26"/>
      <c r="C18" s="12" t="s">
        <v>29</v>
      </c>
      <c r="D18" s="12" t="s">
        <v>29</v>
      </c>
      <c r="E18" s="12" t="s">
        <v>4</v>
      </c>
      <c r="F18" s="12" t="s">
        <v>81</v>
      </c>
      <c r="G18" s="12" t="s">
        <v>85</v>
      </c>
      <c r="H18" s="12" t="s">
        <v>86</v>
      </c>
      <c r="I18" s="13" t="s">
        <v>53</v>
      </c>
      <c r="J18" s="12" t="s">
        <v>8</v>
      </c>
      <c r="K18" s="12" t="s">
        <v>8</v>
      </c>
      <c r="L18" s="12" t="s">
        <v>52</v>
      </c>
      <c r="M18" s="12" t="s">
        <v>54</v>
      </c>
      <c r="N18" s="12" t="s">
        <v>75</v>
      </c>
      <c r="O18" s="12" t="s">
        <v>76</v>
      </c>
      <c r="P18" s="12" t="s">
        <v>68</v>
      </c>
      <c r="Q18" s="12" t="s">
        <v>58</v>
      </c>
      <c r="R18" s="14">
        <v>209773</v>
      </c>
      <c r="S18" s="15">
        <v>3</v>
      </c>
    </row>
    <row r="19" spans="2:19" s="9" customFormat="1" ht="13.35" customHeight="1" x14ac:dyDescent="0.2">
      <c r="B19" s="26"/>
      <c r="C19" s="16" t="s">
        <v>29</v>
      </c>
      <c r="D19" s="16" t="s">
        <v>29</v>
      </c>
      <c r="E19" s="16" t="s">
        <v>4</v>
      </c>
      <c r="F19" s="16" t="s">
        <v>81</v>
      </c>
      <c r="G19" s="16" t="s">
        <v>87</v>
      </c>
      <c r="H19" s="16" t="s">
        <v>88</v>
      </c>
      <c r="I19" s="17" t="s">
        <v>53</v>
      </c>
      <c r="J19" s="16" t="s">
        <v>8</v>
      </c>
      <c r="K19" s="16" t="s">
        <v>71</v>
      </c>
      <c r="L19" s="16" t="s">
        <v>84</v>
      </c>
      <c r="M19" s="16" t="s">
        <v>54</v>
      </c>
      <c r="N19" s="16" t="s">
        <v>55</v>
      </c>
      <c r="O19" s="16" t="s">
        <v>56</v>
      </c>
      <c r="P19" s="16" t="s">
        <v>57</v>
      </c>
      <c r="Q19" s="16" t="s">
        <v>58</v>
      </c>
      <c r="R19" s="18">
        <v>210134</v>
      </c>
      <c r="S19" s="19">
        <v>3</v>
      </c>
    </row>
    <row r="20" spans="2:19" s="9" customFormat="1" ht="13.35" customHeight="1" x14ac:dyDescent="0.2">
      <c r="B20" s="26"/>
      <c r="C20" s="12" t="s">
        <v>29</v>
      </c>
      <c r="D20" s="12" t="s">
        <v>29</v>
      </c>
      <c r="E20" s="12" t="s">
        <v>4</v>
      </c>
      <c r="F20" s="12" t="s">
        <v>81</v>
      </c>
      <c r="G20" s="12" t="s">
        <v>89</v>
      </c>
      <c r="H20" s="12" t="s">
        <v>90</v>
      </c>
      <c r="I20" s="13" t="s">
        <v>53</v>
      </c>
      <c r="J20" s="12" t="s">
        <v>8</v>
      </c>
      <c r="K20" s="12" t="s">
        <v>8</v>
      </c>
      <c r="L20" s="12" t="s">
        <v>84</v>
      </c>
      <c r="M20" s="12" t="s">
        <v>54</v>
      </c>
      <c r="N20" s="12" t="s">
        <v>55</v>
      </c>
      <c r="O20" s="12" t="s">
        <v>56</v>
      </c>
      <c r="P20" s="12" t="s">
        <v>57</v>
      </c>
      <c r="Q20" s="12" t="s">
        <v>58</v>
      </c>
      <c r="R20" s="14">
        <v>210138</v>
      </c>
      <c r="S20" s="15">
        <v>3</v>
      </c>
    </row>
    <row r="21" spans="2:19" s="9" customFormat="1" ht="18.2" customHeight="1" x14ac:dyDescent="0.2">
      <c r="B21" s="24" t="s">
        <v>91</v>
      </c>
      <c r="C21" s="24"/>
      <c r="D21" s="24"/>
      <c r="E21" s="24"/>
      <c r="F21" s="24"/>
      <c r="G21" s="24"/>
      <c r="H21" s="24"/>
      <c r="I21" s="24"/>
      <c r="J21" s="24"/>
      <c r="K21" s="24"/>
      <c r="L21" s="24"/>
      <c r="M21" s="24"/>
      <c r="N21" s="24"/>
      <c r="O21" s="24"/>
      <c r="P21" s="24"/>
      <c r="Q21" s="24"/>
      <c r="R21" s="11"/>
      <c r="S21" s="11"/>
    </row>
    <row r="22" spans="2:19" s="9" customFormat="1" ht="35.1" customHeight="1" x14ac:dyDescent="0.2">
      <c r="B22" s="10" t="s">
        <v>31</v>
      </c>
      <c r="C22" s="10" t="s">
        <v>32</v>
      </c>
      <c r="D22" s="10" t="s">
        <v>33</v>
      </c>
      <c r="E22" s="10" t="s">
        <v>34</v>
      </c>
      <c r="F22" s="10" t="s">
        <v>35</v>
      </c>
      <c r="G22" s="10" t="s">
        <v>36</v>
      </c>
      <c r="H22" s="10" t="s">
        <v>37</v>
      </c>
      <c r="I22" s="10" t="s">
        <v>38</v>
      </c>
      <c r="J22" s="10" t="s">
        <v>39</v>
      </c>
      <c r="K22" s="10" t="s">
        <v>40</v>
      </c>
      <c r="L22" s="10" t="s">
        <v>41</v>
      </c>
      <c r="M22" s="10" t="s">
        <v>42</v>
      </c>
      <c r="N22" s="10" t="s">
        <v>43</v>
      </c>
      <c r="O22" s="10" t="s">
        <v>44</v>
      </c>
      <c r="P22" s="10" t="s">
        <v>45</v>
      </c>
      <c r="Q22" s="10" t="s">
        <v>46</v>
      </c>
      <c r="R22" s="10" t="s">
        <v>47</v>
      </c>
      <c r="S22" s="10" t="s">
        <v>48</v>
      </c>
    </row>
    <row r="23" spans="2:19" s="9" customFormat="1" ht="13.35" customHeight="1" x14ac:dyDescent="0.2">
      <c r="B23" s="25"/>
      <c r="C23" s="12" t="s">
        <v>29</v>
      </c>
      <c r="D23" s="12" t="s">
        <v>29</v>
      </c>
      <c r="E23" s="12" t="s">
        <v>4</v>
      </c>
      <c r="F23" s="12" t="s">
        <v>49</v>
      </c>
      <c r="G23" s="12" t="s">
        <v>92</v>
      </c>
      <c r="H23" s="12" t="s">
        <v>93</v>
      </c>
      <c r="I23" s="13" t="s">
        <v>52</v>
      </c>
      <c r="J23" s="12" t="s">
        <v>8</v>
      </c>
      <c r="K23" s="12" t="s">
        <v>8</v>
      </c>
      <c r="L23" s="12" t="s">
        <v>53</v>
      </c>
      <c r="M23" s="12" t="s">
        <v>54</v>
      </c>
      <c r="N23" s="12" t="s">
        <v>94</v>
      </c>
      <c r="O23" s="12" t="s">
        <v>95</v>
      </c>
      <c r="P23" s="12" t="s">
        <v>57</v>
      </c>
      <c r="Q23" s="12" t="s">
        <v>58</v>
      </c>
      <c r="R23" s="14">
        <v>206673</v>
      </c>
      <c r="S23" s="15">
        <v>3</v>
      </c>
    </row>
    <row r="24" spans="2:19" s="9" customFormat="1" ht="13.35" customHeight="1" x14ac:dyDescent="0.2">
      <c r="B24" s="25"/>
      <c r="C24" s="16" t="s">
        <v>29</v>
      </c>
      <c r="D24" s="16" t="s">
        <v>29</v>
      </c>
      <c r="E24" s="16" t="s">
        <v>4</v>
      </c>
      <c r="F24" s="16" t="s">
        <v>49</v>
      </c>
      <c r="G24" s="16" t="s">
        <v>96</v>
      </c>
      <c r="H24" s="16" t="s">
        <v>97</v>
      </c>
      <c r="I24" s="17" t="s">
        <v>52</v>
      </c>
      <c r="J24" s="16" t="s">
        <v>8</v>
      </c>
      <c r="K24" s="16" t="s">
        <v>8</v>
      </c>
      <c r="L24" s="16" t="s">
        <v>53</v>
      </c>
      <c r="M24" s="16" t="s">
        <v>54</v>
      </c>
      <c r="N24" s="16" t="s">
        <v>98</v>
      </c>
      <c r="O24" s="16" t="s">
        <v>99</v>
      </c>
      <c r="P24" s="16" t="s">
        <v>57</v>
      </c>
      <c r="Q24" s="16" t="s">
        <v>58</v>
      </c>
      <c r="R24" s="18">
        <v>206676</v>
      </c>
      <c r="S24" s="19">
        <v>3</v>
      </c>
    </row>
    <row r="25" spans="2:19" s="9" customFormat="1" ht="13.35" customHeight="1" x14ac:dyDescent="0.2">
      <c r="B25" s="25"/>
      <c r="C25" s="16" t="s">
        <v>29</v>
      </c>
      <c r="D25" s="16" t="s">
        <v>29</v>
      </c>
      <c r="E25" s="16" t="s">
        <v>4</v>
      </c>
      <c r="F25" s="16" t="s">
        <v>49</v>
      </c>
      <c r="G25" s="16" t="s">
        <v>100</v>
      </c>
      <c r="H25" s="16" t="s">
        <v>101</v>
      </c>
      <c r="I25" s="17" t="s">
        <v>53</v>
      </c>
      <c r="J25" s="16" t="s">
        <v>8</v>
      </c>
      <c r="K25" s="16" t="s">
        <v>8</v>
      </c>
      <c r="L25" s="16" t="s">
        <v>102</v>
      </c>
      <c r="M25" s="16" t="s">
        <v>54</v>
      </c>
      <c r="N25" s="16" t="s">
        <v>103</v>
      </c>
      <c r="O25" s="16" t="s">
        <v>104</v>
      </c>
      <c r="P25" s="16" t="s">
        <v>57</v>
      </c>
      <c r="Q25" s="16" t="s">
        <v>58</v>
      </c>
      <c r="R25" s="18">
        <v>209633</v>
      </c>
      <c r="S25" s="19">
        <v>6</v>
      </c>
    </row>
    <row r="26" spans="2:19" s="9" customFormat="1" ht="13.35" customHeight="1" x14ac:dyDescent="0.2">
      <c r="B26" s="25"/>
      <c r="C26" s="12" t="s">
        <v>29</v>
      </c>
      <c r="D26" s="12" t="s">
        <v>29</v>
      </c>
      <c r="E26" s="12" t="s">
        <v>4</v>
      </c>
      <c r="F26" s="12" t="s">
        <v>49</v>
      </c>
      <c r="G26" s="12" t="s">
        <v>105</v>
      </c>
      <c r="H26" s="12" t="s">
        <v>106</v>
      </c>
      <c r="I26" s="13" t="s">
        <v>53</v>
      </c>
      <c r="J26" s="12" t="s">
        <v>8</v>
      </c>
      <c r="K26" s="12" t="s">
        <v>8</v>
      </c>
      <c r="L26" s="12" t="s">
        <v>52</v>
      </c>
      <c r="M26" s="12" t="s">
        <v>54</v>
      </c>
      <c r="N26" s="12" t="s">
        <v>107</v>
      </c>
      <c r="O26" s="12" t="s">
        <v>108</v>
      </c>
      <c r="P26" s="12" t="s">
        <v>57</v>
      </c>
      <c r="Q26" s="12" t="s">
        <v>58</v>
      </c>
      <c r="R26" s="14">
        <v>210159</v>
      </c>
      <c r="S26" s="15">
        <v>3</v>
      </c>
    </row>
    <row r="27" spans="2:19" s="9" customFormat="1" ht="13.35" customHeight="1" x14ac:dyDescent="0.2">
      <c r="B27" s="25"/>
      <c r="C27" s="12" t="s">
        <v>29</v>
      </c>
      <c r="D27" s="12" t="s">
        <v>29</v>
      </c>
      <c r="E27" s="12" t="s">
        <v>4</v>
      </c>
      <c r="F27" s="12" t="s">
        <v>81</v>
      </c>
      <c r="G27" s="12" t="s">
        <v>109</v>
      </c>
      <c r="H27" s="12" t="s">
        <v>110</v>
      </c>
      <c r="I27" s="13" t="s">
        <v>84</v>
      </c>
      <c r="J27" s="12" t="s">
        <v>8</v>
      </c>
      <c r="K27" s="12" t="s">
        <v>8</v>
      </c>
      <c r="L27" s="12" t="s">
        <v>52</v>
      </c>
      <c r="M27" s="12" t="s">
        <v>54</v>
      </c>
      <c r="N27" s="12" t="s">
        <v>111</v>
      </c>
      <c r="O27" s="12" t="s">
        <v>112</v>
      </c>
      <c r="P27" s="12" t="s">
        <v>57</v>
      </c>
      <c r="Q27" s="12" t="s">
        <v>58</v>
      </c>
      <c r="R27" s="14">
        <v>208075</v>
      </c>
      <c r="S27" s="15">
        <v>3</v>
      </c>
    </row>
    <row r="28" spans="2:19" s="9" customFormat="1" ht="13.35" customHeight="1" x14ac:dyDescent="0.2">
      <c r="B28" s="25"/>
      <c r="C28" s="12" t="s">
        <v>29</v>
      </c>
      <c r="D28" s="12" t="s">
        <v>29</v>
      </c>
      <c r="E28" s="12" t="s">
        <v>4</v>
      </c>
      <c r="F28" s="12" t="s">
        <v>81</v>
      </c>
      <c r="G28" s="12" t="s">
        <v>113</v>
      </c>
      <c r="H28" s="12" t="s">
        <v>114</v>
      </c>
      <c r="I28" s="13" t="s">
        <v>84</v>
      </c>
      <c r="J28" s="12" t="s">
        <v>8</v>
      </c>
      <c r="K28" s="12" t="s">
        <v>8</v>
      </c>
      <c r="L28" s="12" t="s">
        <v>52</v>
      </c>
      <c r="M28" s="12" t="s">
        <v>54</v>
      </c>
      <c r="N28" s="12" t="s">
        <v>98</v>
      </c>
      <c r="O28" s="12" t="s">
        <v>99</v>
      </c>
      <c r="P28" s="12" t="s">
        <v>57</v>
      </c>
      <c r="Q28" s="12" t="s">
        <v>58</v>
      </c>
      <c r="R28" s="14">
        <v>208077</v>
      </c>
      <c r="S28" s="15">
        <v>3</v>
      </c>
    </row>
    <row r="29" spans="2:19" s="9" customFormat="1" ht="13.35" customHeight="1" x14ac:dyDescent="0.2">
      <c r="B29" s="25"/>
      <c r="C29" s="16" t="s">
        <v>29</v>
      </c>
      <c r="D29" s="16" t="s">
        <v>29</v>
      </c>
      <c r="E29" s="16" t="s">
        <v>4</v>
      </c>
      <c r="F29" s="16" t="s">
        <v>81</v>
      </c>
      <c r="G29" s="16" t="s">
        <v>100</v>
      </c>
      <c r="H29" s="16" t="s">
        <v>101</v>
      </c>
      <c r="I29" s="17" t="s">
        <v>53</v>
      </c>
      <c r="J29" s="16" t="s">
        <v>8</v>
      </c>
      <c r="K29" s="16" t="s">
        <v>8</v>
      </c>
      <c r="L29" s="16" t="s">
        <v>102</v>
      </c>
      <c r="M29" s="16" t="s">
        <v>54</v>
      </c>
      <c r="N29" s="16" t="s">
        <v>115</v>
      </c>
      <c r="O29" s="16" t="s">
        <v>116</v>
      </c>
      <c r="P29" s="16" t="s">
        <v>57</v>
      </c>
      <c r="Q29" s="16" t="s">
        <v>58</v>
      </c>
      <c r="R29" s="18">
        <v>209634</v>
      </c>
      <c r="S29" s="19">
        <v>6</v>
      </c>
    </row>
    <row r="30" spans="2:19" s="9" customFormat="1" ht="13.35" customHeight="1" x14ac:dyDescent="0.2">
      <c r="B30" s="25"/>
      <c r="C30" s="16" t="s">
        <v>29</v>
      </c>
      <c r="D30" s="16" t="s">
        <v>29</v>
      </c>
      <c r="E30" s="16" t="s">
        <v>4</v>
      </c>
      <c r="F30" s="16" t="s">
        <v>81</v>
      </c>
      <c r="G30" s="16" t="s">
        <v>117</v>
      </c>
      <c r="H30" s="16" t="s">
        <v>118</v>
      </c>
      <c r="I30" s="17" t="s">
        <v>53</v>
      </c>
      <c r="J30" s="16" t="s">
        <v>8</v>
      </c>
      <c r="K30" s="16" t="s">
        <v>71</v>
      </c>
      <c r="L30" s="16" t="s">
        <v>102</v>
      </c>
      <c r="M30" s="16" t="s">
        <v>54</v>
      </c>
      <c r="N30" s="16" t="s">
        <v>119</v>
      </c>
      <c r="O30" s="16" t="s">
        <v>120</v>
      </c>
      <c r="P30" s="16" t="s">
        <v>57</v>
      </c>
      <c r="Q30" s="16" t="s">
        <v>58</v>
      </c>
      <c r="R30" s="18">
        <v>209688</v>
      </c>
      <c r="S30" s="19">
        <v>6</v>
      </c>
    </row>
    <row r="31" spans="2:19" s="9" customFormat="1" ht="13.35" customHeight="1" x14ac:dyDescent="0.2">
      <c r="B31" s="25"/>
      <c r="C31" s="12" t="s">
        <v>29</v>
      </c>
      <c r="D31" s="12" t="s">
        <v>29</v>
      </c>
      <c r="E31" s="12" t="s">
        <v>4</v>
      </c>
      <c r="F31" s="12" t="s">
        <v>81</v>
      </c>
      <c r="G31" s="12" t="s">
        <v>121</v>
      </c>
      <c r="H31" s="12" t="s">
        <v>122</v>
      </c>
      <c r="I31" s="13" t="s">
        <v>53</v>
      </c>
      <c r="J31" s="12" t="s">
        <v>8</v>
      </c>
      <c r="K31" s="12" t="s">
        <v>8</v>
      </c>
      <c r="L31" s="12" t="s">
        <v>84</v>
      </c>
      <c r="M31" s="12" t="s">
        <v>54</v>
      </c>
      <c r="N31" s="12" t="s">
        <v>123</v>
      </c>
      <c r="O31" s="12" t="s">
        <v>124</v>
      </c>
      <c r="P31" s="12" t="s">
        <v>57</v>
      </c>
      <c r="Q31" s="12" t="s">
        <v>58</v>
      </c>
      <c r="R31" s="14">
        <v>210157</v>
      </c>
      <c r="S31" s="15">
        <v>3</v>
      </c>
    </row>
    <row r="32" spans="2:19" s="9" customFormat="1" ht="13.35" customHeight="1" x14ac:dyDescent="0.2">
      <c r="B32" s="25"/>
      <c r="C32" s="16" t="s">
        <v>29</v>
      </c>
      <c r="D32" s="16" t="s">
        <v>29</v>
      </c>
      <c r="E32" s="16" t="s">
        <v>4</v>
      </c>
      <c r="F32" s="16" t="s">
        <v>81</v>
      </c>
      <c r="G32" s="16" t="s">
        <v>125</v>
      </c>
      <c r="H32" s="16" t="s">
        <v>126</v>
      </c>
      <c r="I32" s="17" t="s">
        <v>127</v>
      </c>
      <c r="J32" s="16" t="s">
        <v>8</v>
      </c>
      <c r="K32" s="16" t="s">
        <v>71</v>
      </c>
      <c r="L32" s="16" t="s">
        <v>128</v>
      </c>
      <c r="M32" s="16" t="s">
        <v>54</v>
      </c>
      <c r="N32" s="16" t="s">
        <v>111</v>
      </c>
      <c r="O32" s="16" t="s">
        <v>112</v>
      </c>
      <c r="P32" s="16" t="s">
        <v>57</v>
      </c>
      <c r="Q32" s="16" t="s">
        <v>58</v>
      </c>
      <c r="R32" s="18">
        <v>208620</v>
      </c>
      <c r="S32" s="19">
        <v>3</v>
      </c>
    </row>
  </sheetData>
  <mergeCells count="5">
    <mergeCell ref="B2:C2"/>
    <mergeCell ref="B21:Q21"/>
    <mergeCell ref="B23:B32"/>
    <mergeCell ref="B4:Q4"/>
    <mergeCell ref="B6:B20"/>
  </mergeCells>
  <pageMargins left="0.7" right="0.7" top="0.75" bottom="0.75" header="0.3" footer="0.3"/>
  <pageSetup paperSize="9" orientation="portrait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EC9944E5CEFBD4C84DFB3FE4C69BDC0" ma:contentTypeVersion="20" ma:contentTypeDescription="Create a new document." ma:contentTypeScope="" ma:versionID="3bdb5797a53e375793fb6ab439655dae">
  <xsd:schema xmlns:xsd="http://www.w3.org/2001/XMLSchema" xmlns:xs="http://www.w3.org/2001/XMLSchema" xmlns:p="http://schemas.microsoft.com/office/2006/metadata/properties" xmlns:ns2="845ce553-4c37-43bb-9a48-28ce5dac6a7e" xmlns:ns3="a58fa3d2-b623-4a18-81cc-bbef2832646c" targetNamespace="http://schemas.microsoft.com/office/2006/metadata/properties" ma:root="true" ma:fieldsID="0da9ffda7c1532b6304138937453b45c" ns2:_="" ns3:_="">
    <xsd:import namespace="845ce553-4c37-43bb-9a48-28ce5dac6a7e"/>
    <xsd:import namespace="a58fa3d2-b623-4a18-81cc-bbef2832646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AutoKeyPoints" minOccurs="0"/>
                <xsd:element ref="ns2:MediaServiceKeyPoints" minOccurs="0"/>
                <xsd:element ref="ns2:Academic_x0020_Board_x0020_meeting" minOccurs="0"/>
                <xsd:element ref="ns2:Status" minOccurs="0"/>
                <xsd:element ref="ns2:CourseType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45ce553-4c37-43bb-9a48-28ce5dac6a7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Academic_x0020_Board_x0020_meeting" ma:index="16" nillable="true" ma:displayName="Accreditation AB Date" ma:format="Dropdown" ma:internalName="Academic_x0020_Board_x0020_meeting">
      <xsd:simpleType>
        <xsd:restriction base="dms:Text">
          <xsd:maxLength value="255"/>
        </xsd:restriction>
      </xsd:simpleType>
    </xsd:element>
    <xsd:element name="Status" ma:index="17" nillable="true" ma:displayName="Status" ma:description="Select the process is the course going through or select Completed if AB approval has been provided." ma:format="Dropdown" ma:internalName="Status">
      <xsd:simpleType>
        <xsd:restriction base="dms:Choice">
          <xsd:enumeration value="In progress"/>
          <xsd:enumeration value="On hold"/>
          <xsd:enumeration value="Parked"/>
          <xsd:enumeration value="Pre concept"/>
          <xsd:enumeration value="Completed"/>
        </xsd:restriction>
      </xsd:simpleType>
    </xsd:element>
    <xsd:element name="CourseType" ma:index="18" nillable="true" ma:displayName="Course Type" ma:description="Select the type of course development process" ma:format="Dropdown" ma:internalName="CourseType">
      <xsd:simpleType>
        <xsd:restriction base="dms:Choice">
          <xsd:enumeration value="New"/>
          <xsd:enumeration value="Revision"/>
          <xsd:enumeration value="Comprehensive review"/>
          <xsd:enumeration value="CR of Course in Teachout"/>
          <xsd:enumeration value="IMCR"/>
          <xsd:enumeration value="IMCR in Teach Out"/>
          <xsd:enumeration value="Accreditation extension"/>
          <xsd:enumeration value="To be closed - Reaccreditation"/>
          <xsd:enumeration value="To be closed - Accred Extension"/>
          <xsd:enumeration value="Curriculum Reviewed"/>
        </xsd:restriction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22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4" nillable="true" ma:taxonomy="true" ma:internalName="lcf76f155ced4ddcb4097134ff3c332f" ma:taxonomyFieldName="MediaServiceImageTags" ma:displayName="Image Tags" ma:readOnly="false" ma:fieldId="{5cf76f15-5ced-4ddc-b409-7134ff3c332f}" ma:taxonomyMulti="true" ma:sspId="8cf5ef57-529e-46be-8634-0635eb7431ad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6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58fa3d2-b623-4a18-81cc-bbef2832646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5" nillable="true" ma:displayName="Taxonomy Catch All Column" ma:hidden="true" ma:list="{3e75e10f-e6c2-4038-bfc0-364c2c2781a5}" ma:internalName="TaxCatchAll" ma:showField="CatchAllData" ma:web="a58fa3d2-b623-4a18-81cc-bbef2832646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CourseType xmlns="845ce553-4c37-43bb-9a48-28ce5dac6a7e" xsi:nil="true"/>
    <TaxCatchAll xmlns="a58fa3d2-b623-4a18-81cc-bbef2832646c" xsi:nil="true"/>
    <Academic_x0020_Board_x0020_meeting xmlns="845ce553-4c37-43bb-9a48-28ce5dac6a7e" xsi:nil="true"/>
    <Status xmlns="845ce553-4c37-43bb-9a48-28ce5dac6a7e" xsi:nil="true"/>
    <lcf76f155ced4ddcb4097134ff3c332f xmlns="845ce553-4c37-43bb-9a48-28ce5dac6a7e">
      <Terms xmlns="http://schemas.microsoft.com/office/infopath/2007/PartnerControls"/>
    </lcf76f155ced4ddcb4097134ff3c332f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233E613-6A3C-4EFF-8135-35E590ACD34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45ce553-4c37-43bb-9a48-28ce5dac6a7e"/>
    <ds:schemaRef ds:uri="a58fa3d2-b623-4a18-81cc-bbef2832646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468458E0-767E-432D-8696-DEA90A43D794}">
  <ds:schemaRefs>
    <ds:schemaRef ds:uri="http://schemas.microsoft.com/office/2006/metadata/properties"/>
    <ds:schemaRef ds:uri="http://schemas.microsoft.com/office/infopath/2007/PartnerControls"/>
    <ds:schemaRef ds:uri="845ce553-4c37-43bb-9a48-28ce5dac6a7e"/>
    <ds:schemaRef ds:uri="a58fa3d2-b623-4a18-81cc-bbef2832646c"/>
  </ds:schemaRefs>
</ds:datastoreItem>
</file>

<file path=customXml/itemProps3.xml><?xml version="1.0" encoding="utf-8"?>
<ds:datastoreItem xmlns:ds="http://schemas.openxmlformats.org/officeDocument/2006/customXml" ds:itemID="{F7E53A82-DE24-405D-9B81-28EB2437ACEF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Cover Sheet</vt:lpstr>
      <vt:lpstr>Unit Availability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ERVER</dc:creator>
  <cp:keywords/>
  <dc:description/>
  <cp:lastModifiedBy>Morgan.Andrew</cp:lastModifiedBy>
  <cp:revision/>
  <dcterms:created xsi:type="dcterms:W3CDTF">2023-06-16T03:29:49Z</dcterms:created>
  <dcterms:modified xsi:type="dcterms:W3CDTF">2023-09-11T01:35:1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f6fef03-d487-4433-8e43-6b81c0a1b7be_Enabled">
    <vt:lpwstr>true</vt:lpwstr>
  </property>
  <property fmtid="{D5CDD505-2E9C-101B-9397-08002B2CF9AE}" pid="3" name="MSIP_Label_bf6fef03-d487-4433-8e43-6b81c0a1b7be_SetDate">
    <vt:lpwstr>2023-06-16T03:36:22Z</vt:lpwstr>
  </property>
  <property fmtid="{D5CDD505-2E9C-101B-9397-08002B2CF9AE}" pid="4" name="MSIP_Label_bf6fef03-d487-4433-8e43-6b81c0a1b7be_Method">
    <vt:lpwstr>Standard</vt:lpwstr>
  </property>
  <property fmtid="{D5CDD505-2E9C-101B-9397-08002B2CF9AE}" pid="5" name="MSIP_Label_bf6fef03-d487-4433-8e43-6b81c0a1b7be_Name">
    <vt:lpwstr>Unclassified</vt:lpwstr>
  </property>
  <property fmtid="{D5CDD505-2E9C-101B-9397-08002B2CF9AE}" pid="6" name="MSIP_Label_bf6fef03-d487-4433-8e43-6b81c0a1b7be_SiteId">
    <vt:lpwstr>1daf5147-a543-4707-a2fb-2acf0b2a3936</vt:lpwstr>
  </property>
  <property fmtid="{D5CDD505-2E9C-101B-9397-08002B2CF9AE}" pid="7" name="MSIP_Label_bf6fef03-d487-4433-8e43-6b81c0a1b7be_ActionId">
    <vt:lpwstr>acc88275-71ce-4626-a4a7-004423565556</vt:lpwstr>
  </property>
  <property fmtid="{D5CDD505-2E9C-101B-9397-08002B2CF9AE}" pid="8" name="MSIP_Label_bf6fef03-d487-4433-8e43-6b81c0a1b7be_ContentBits">
    <vt:lpwstr>0</vt:lpwstr>
  </property>
  <property fmtid="{D5CDD505-2E9C-101B-9397-08002B2CF9AE}" pid="9" name="ContentTypeId">
    <vt:lpwstr>0x010100BEC9944E5CEFBD4C84DFB3FE4C69BDC0</vt:lpwstr>
  </property>
  <property fmtid="{D5CDD505-2E9C-101B-9397-08002B2CF9AE}" pid="10" name="MediaServiceImageTags">
    <vt:lpwstr/>
  </property>
</Properties>
</file>